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evenaa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D073D169-42F4-A3ED-F8C3-054AC20AB7F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9776" y="4471056"/>
            <a:ext cx="1351824" cy="21034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32DB400C-57A5-FAD7-58AB-696F47743A7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7645" y="3651943"/>
            <a:ext cx="1042584" cy="162226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08T12:52:28Z</dcterms:modified>
</cp:coreProperties>
</file>